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822"/>
  <workbookPr/>
  <mc:AlternateContent xmlns:mc="http://schemas.openxmlformats.org/markup-compatibility/2006">
    <mc:Choice Requires="x15">
      <x15ac:absPath xmlns:x15ac="http://schemas.microsoft.com/office/spreadsheetml/2010/11/ac" url="C:\Users\s3985600\Downloads\"/>
    </mc:Choice>
  </mc:AlternateContent>
  <xr:revisionPtr revIDLastSave="0" documentId="13_ncr:1_{C18514CB-6F6B-4BDA-B086-6F3570FB7DAA}" xr6:coauthVersionLast="47" xr6:coauthVersionMax="47" xr10:uidLastSave="{00000000-0000-0000-0000-000000000000}"/>
  <bookViews>
    <workbookView xWindow="-28920" yWindow="5550" windowWidth="29040" windowHeight="15720" xr2:uid="{589CE6CE-8B99-C044-8F02-96DCAC43CA17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2" uniqueCount="32">
  <si>
    <t>MASTER LIST FOR FACULTY WEBPAGE POSTING</t>
  </si>
  <si>
    <t>STATUS OF CUPE JOB POSTINGS</t>
  </si>
  <si>
    <t xml:space="preserve">Admin will update the status from OPEN to FILLED as they are assigned. </t>
  </si>
  <si>
    <t>Job Number</t>
  </si>
  <si>
    <t>Department</t>
  </si>
  <si>
    <t>Term</t>
  </si>
  <si>
    <t>Year</t>
  </si>
  <si>
    <t>Course Code</t>
  </si>
  <si>
    <t>Course Number</t>
  </si>
  <si>
    <t>Assignment</t>
  </si>
  <si>
    <t>Work Duties</t>
  </si>
  <si>
    <t>Qualifications</t>
  </si>
  <si>
    <t>Experience</t>
  </si>
  <si>
    <t>Work Schedule</t>
  </si>
  <si>
    <t>Work hours</t>
  </si>
  <si>
    <t>Job Format</t>
  </si>
  <si>
    <t>Filled or Open</t>
  </si>
  <si>
    <t xml:space="preserve">Summer </t>
  </si>
  <si>
    <t>OPEN</t>
  </si>
  <si>
    <t>ERTH263001</t>
  </si>
  <si>
    <t xml:space="preserve">Erth Science </t>
  </si>
  <si>
    <t>Applicants with a BSc (Geology or equivalent), and/or experience as a TA in this course will be given preference</t>
  </si>
  <si>
    <t xml:space="preserve">Demonstrated understanding of course material, and aptitude for clear and constructive grading feedback for undergrad students. Must be knowledgeble in navigating Bright Space </t>
  </si>
  <si>
    <t xml:space="preserve">Flexible </t>
  </si>
  <si>
    <t xml:space="preserve">Web Based, Remote </t>
  </si>
  <si>
    <t xml:space="preserve"> 36 Hours Total </t>
  </si>
  <si>
    <t>c</t>
  </si>
  <si>
    <t>30018 &amp; 31384</t>
  </si>
  <si>
    <t>1202&amp; 1204</t>
  </si>
  <si>
    <t>Marker: Marking assignments and tests; uploading marks to Brightspace; 
Will be responsible for covering both EARTH 1202 and EARTH 1204</t>
  </si>
  <si>
    <t>Click the link to apply : Saint Mary's University Teaching Assistant Job Application Form – Fill out form</t>
  </si>
  <si>
    <t>https://can01.safelinks.protection.outlook.com/?url=https%3A%2F%2Fforms.office.com%2Fr%2FiNMNAAC0fA&amp;data=05%7C02%7Cearthscience%40smu.ca%7Cbaa3250a1b1c4cee0a8f08de3f04e04d%7C060b02ae57754360abbae2e29cca6627%7C1%7C0%7C639017487346033342%7CUnknown%7CTWFpbGZsb3d8eyJFbXB0eU1hcGkiOnRydWUsIlYiOiIwLjAuMDAwMCIsIlAiOiJXaW4zMiIsIkFOIjoiTWFpbCIsIldUIjoyfQ%3D%3D%7C0%7C%7C%7C&amp;sdata=27MleVKyCTmTHSSKPqxHk4QP9PfzLUnzsALIFJoxA9U%3D&amp;reserved=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2"/>
      <color theme="1"/>
      <name val="Aptos Narrow"/>
      <family val="2"/>
      <scheme val="minor"/>
    </font>
    <font>
      <b/>
      <sz val="12"/>
      <color theme="1"/>
      <name val="Aptos Narrow"/>
      <family val="2"/>
      <scheme val="minor"/>
    </font>
    <font>
      <u/>
      <sz val="12"/>
      <color theme="10"/>
      <name val="Aptos Narrow"/>
      <family val="2"/>
      <scheme val="minor"/>
    </font>
    <font>
      <sz val="12"/>
      <color rgb="FF000000"/>
      <name val="Aptos Narrow"/>
      <family val="2"/>
      <scheme val="minor"/>
    </font>
    <font>
      <sz val="11"/>
      <color rgb="FF000000"/>
      <name val="Aptos Display"/>
    </font>
    <font>
      <sz val="14"/>
      <color rgb="FF000000"/>
      <name val="Aptos Narrow"/>
      <family val="2"/>
      <scheme val="minor"/>
    </font>
    <font>
      <b/>
      <sz val="12"/>
      <color rgb="FF000000"/>
      <name val="Aptos Narrow"/>
      <family val="2"/>
      <scheme val="minor"/>
    </font>
    <font>
      <sz val="11"/>
      <color theme="1"/>
      <name val="Aptos Display"/>
    </font>
    <font>
      <b/>
      <sz val="11"/>
      <color theme="1"/>
      <name val="Aptos Display"/>
    </font>
    <font>
      <sz val="11"/>
      <color rgb="FF000000"/>
      <name val="Aptos Display"/>
      <family val="2"/>
    </font>
    <font>
      <sz val="11"/>
      <color rgb="FF000000"/>
      <name val="Arial"/>
      <family val="2"/>
      <charset val="1"/>
    </font>
    <font>
      <b/>
      <sz val="11"/>
      <color rgb="FF000000"/>
      <name val="Aptos Display"/>
    </font>
    <font>
      <sz val="9"/>
      <color rgb="FF000000"/>
      <name val="Arial"/>
      <family val="2"/>
      <charset val="1"/>
    </font>
    <font>
      <sz val="12"/>
      <color rgb="FF000000"/>
      <name val="Aptos Narrow"/>
      <charset val="1"/>
    </font>
    <font>
      <sz val="12"/>
      <color rgb="FF242424"/>
      <name val="Aptos Narrow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0" fontId="2" fillId="0" borderId="0" applyNumberFormat="0" applyFill="0" applyBorder="0" applyAlignment="0" applyProtection="0"/>
  </cellStyleXfs>
  <cellXfs count="49">
    <xf numFmtId="0" fontId="0" fillId="0" borderId="0" xfId="0"/>
    <xf numFmtId="0" fontId="3" fillId="0" borderId="0" xfId="0" applyFont="1"/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top"/>
    </xf>
    <xf numFmtId="0" fontId="5" fillId="0" borderId="0" xfId="0" applyFont="1"/>
    <xf numFmtId="0" fontId="6" fillId="0" borderId="0" xfId="0" applyFont="1" applyAlignment="1">
      <alignment horizontal="left" vertical="top"/>
    </xf>
    <xf numFmtId="0" fontId="2" fillId="0" borderId="0" xfId="1" applyFill="1" applyAlignment="1">
      <alignment horizontal="left" vertical="top"/>
    </xf>
    <xf numFmtId="0" fontId="0" fillId="0" borderId="1" xfId="0" applyBorder="1"/>
    <xf numFmtId="0" fontId="0" fillId="0" borderId="1" xfId="0" applyBorder="1" applyAlignment="1">
      <alignment horizontal="left" vertical="center"/>
    </xf>
    <xf numFmtId="0" fontId="7" fillId="0" borderId="1" xfId="0" applyFont="1" applyBorder="1" applyAlignment="1">
      <alignment vertical="center"/>
    </xf>
    <xf numFmtId="0" fontId="1" fillId="0" borderId="1" xfId="0" applyFont="1" applyBorder="1"/>
    <xf numFmtId="0" fontId="1" fillId="0" borderId="1" xfId="0" applyFont="1" applyBorder="1" applyAlignment="1">
      <alignment horizontal="left" vertical="top"/>
    </xf>
    <xf numFmtId="0" fontId="1" fillId="0" borderId="1" xfId="0" applyFont="1" applyBorder="1" applyAlignment="1">
      <alignment horizontal="left" vertical="center"/>
    </xf>
    <xf numFmtId="0" fontId="8" fillId="0" borderId="1" xfId="0" applyFont="1" applyBorder="1" applyAlignment="1">
      <alignment vertical="center"/>
    </xf>
    <xf numFmtId="0" fontId="1" fillId="0" borderId="0" xfId="0" applyFont="1"/>
    <xf numFmtId="0" fontId="1" fillId="0" borderId="1" xfId="0" applyFont="1" applyBorder="1" applyAlignment="1">
      <alignment horizontal="left" vertical="center" wrapText="1"/>
    </xf>
    <xf numFmtId="0" fontId="1" fillId="0" borderId="1" xfId="0" applyFont="1" applyBorder="1" applyAlignment="1">
      <alignment vertical="center" wrapText="1"/>
    </xf>
    <xf numFmtId="0" fontId="8" fillId="0" borderId="1" xfId="0" applyFont="1" applyBorder="1" applyAlignment="1">
      <alignment vertical="center" wrapText="1"/>
    </xf>
    <xf numFmtId="0" fontId="1" fillId="0" borderId="4" xfId="0" applyFont="1" applyBorder="1"/>
    <xf numFmtId="0" fontId="1" fillId="0" borderId="5" xfId="0" applyFont="1" applyBorder="1"/>
    <xf numFmtId="0" fontId="1" fillId="0" borderId="6" xfId="0" applyFont="1" applyBorder="1" applyAlignment="1">
      <alignment horizontal="left" vertical="center" wrapText="1"/>
    </xf>
    <xf numFmtId="0" fontId="1" fillId="0" borderId="6" xfId="0" applyFont="1" applyBorder="1" applyAlignment="1">
      <alignment vertical="center" wrapText="1"/>
    </xf>
    <xf numFmtId="0" fontId="8" fillId="0" borderId="6" xfId="0" applyFont="1" applyBorder="1" applyAlignment="1">
      <alignment vertical="center" wrapText="1"/>
    </xf>
    <xf numFmtId="15" fontId="9" fillId="0" borderId="0" xfId="0" applyNumberFormat="1" applyFont="1" applyAlignment="1">
      <alignment horizontal="left" vertical="center"/>
    </xf>
    <xf numFmtId="0" fontId="9" fillId="0" borderId="0" xfId="0" applyFont="1" applyAlignment="1">
      <alignment vertical="center"/>
    </xf>
    <xf numFmtId="0" fontId="9" fillId="0" borderId="0" xfId="0" applyFont="1" applyAlignment="1">
      <alignment horizontal="left" vertical="center" wrapText="1"/>
    </xf>
    <xf numFmtId="0" fontId="10" fillId="0" borderId="0" xfId="0" applyFont="1" applyAlignment="1">
      <alignment vertical="center"/>
    </xf>
    <xf numFmtId="0" fontId="4" fillId="0" borderId="0" xfId="0" applyFont="1" applyAlignment="1">
      <alignment vertical="center" wrapTex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wrapText="1"/>
    </xf>
    <xf numFmtId="0" fontId="4" fillId="0" borderId="0" xfId="0" applyFont="1" applyAlignment="1">
      <alignment wrapText="1"/>
    </xf>
    <xf numFmtId="0" fontId="1" fillId="0" borderId="3" xfId="0" applyFont="1" applyBorder="1" applyAlignment="1">
      <alignment vertical="center"/>
    </xf>
    <xf numFmtId="0" fontId="12" fillId="0" borderId="0" xfId="0" applyFont="1" applyAlignment="1">
      <alignment vertical="center"/>
    </xf>
    <xf numFmtId="0" fontId="13" fillId="2" borderId="0" xfId="0" quotePrefix="1" applyFont="1" applyFill="1"/>
    <xf numFmtId="0" fontId="13" fillId="2" borderId="0" xfId="0" applyFont="1" applyFill="1" applyAlignment="1">
      <alignment wrapText="1"/>
    </xf>
    <xf numFmtId="0" fontId="0" fillId="0" borderId="0" xfId="0" applyAlignment="1">
      <alignment vertical="center"/>
    </xf>
    <xf numFmtId="0" fontId="1" fillId="0" borderId="2" xfId="0" applyFont="1" applyBorder="1" applyAlignment="1">
      <alignment vertical="center"/>
    </xf>
    <xf numFmtId="0" fontId="12" fillId="0" borderId="0" xfId="0" applyFont="1" applyAlignment="1">
      <alignment horizontal="right" vertical="center"/>
    </xf>
    <xf numFmtId="0" fontId="9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3" fillId="0" borderId="0" xfId="0" applyFont="1"/>
    <xf numFmtId="15" fontId="9" fillId="0" borderId="0" xfId="0" applyNumberFormat="1" applyFont="1" applyAlignment="1">
      <alignment horizontal="left" vertical="center"/>
    </xf>
    <xf numFmtId="0" fontId="0" fillId="0" borderId="2" xfId="0" applyBorder="1"/>
    <xf numFmtId="0" fontId="0" fillId="0" borderId="3" xfId="0" applyBorder="1"/>
    <xf numFmtId="0" fontId="14" fillId="0" borderId="0" xfId="0" applyFont="1" applyAlignment="1">
      <alignment vertical="center"/>
    </xf>
    <xf numFmtId="0" fontId="14" fillId="0" borderId="0" xfId="0" applyFont="1" applyAlignment="1">
      <alignment vertical="center" wrapText="1"/>
    </xf>
    <xf numFmtId="0" fontId="2" fillId="0" borderId="0" xfId="1"/>
  </cellXfs>
  <cellStyles count="2">
    <cellStyle name="Hyperlink" xfId="1" builtinId="8"/>
    <cellStyle name="Normal" xfId="0" builtinId="0"/>
  </cellStyles>
  <dxfs count="16"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Aptos Display"/>
        <scheme val="none"/>
      </font>
      <alignment horizontal="general" vertical="center" textRotation="0" wrapText="1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border diagonalUp="0" diagonalDown="0">
        <left/>
        <right style="thin">
          <color indexed="64"/>
        </right>
        <top style="thin">
          <color indexed="64"/>
        </top>
        <bottom/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border diagonalUp="0" diagonalDown="0">
        <left/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border diagonalUp="0" diagonalDown="0">
        <left style="thin">
          <color indexed="64"/>
        </left>
        <right/>
        <top style="thin">
          <color indexed="64"/>
        </top>
        <bottom style="thin">
          <color indexed="64"/>
        </bottom>
        <vertical/>
        <horizontal/>
      </border>
    </dxf>
    <dxf>
      <border outline="0">
        <right style="thin">
          <color indexed="64"/>
        </right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B9D1EE67-127C-704E-A683-E933C9303A52}" name="Table4" displayName="Table4" ref="A11:N19" totalsRowShown="0" headerRowDxfId="15" dataDxfId="14" tableBorderDxfId="13">
  <autoFilter ref="A11:N19" xr:uid="{B9D1EE67-127C-704E-A683-E933C9303A52}"/>
  <tableColumns count="14">
    <tableColumn id="1" xr3:uid="{F9E2325D-4FB6-1F4F-8678-EB5FFED00657}" name="Job Number"/>
    <tableColumn id="2" xr3:uid="{6A1130E7-9752-4A47-AA8E-7463ADD9F177}" name="Department" dataDxfId="12"/>
    <tableColumn id="3" xr3:uid="{0B183189-3258-EB4D-AE16-DA0EBB3725A1}" name="Term" dataDxfId="11"/>
    <tableColumn id="14" xr3:uid="{68EE54BE-7ACB-48B5-BEE4-3BF86F603465}" name="Year" dataDxfId="10"/>
    <tableColumn id="4" xr3:uid="{7A987F95-A387-1444-A9BC-B9C3721C19FB}" name="Course Code" dataDxfId="9"/>
    <tableColumn id="5" xr3:uid="{3F76FBCE-9CB4-9B4F-88CD-5263838554FE}" name="Course Number" dataDxfId="8"/>
    <tableColumn id="6" xr3:uid="{8538F349-D26D-B74C-A58D-B8949A47CD50}" name="Assignment" dataDxfId="7"/>
    <tableColumn id="7" xr3:uid="{DEFB01B9-4D93-A347-AB6C-8D904C453BC2}" name="Work Duties" dataDxfId="6"/>
    <tableColumn id="8" xr3:uid="{F82C6AA8-0540-134D-A4E9-CF34DE2BAB91}" name="Qualifications" dataDxfId="5"/>
    <tableColumn id="9" xr3:uid="{9A69496A-BA15-C64E-A5B6-118DAD017206}" name="Experience" dataDxfId="4"/>
    <tableColumn id="10" xr3:uid="{4B8F440F-487D-B644-AA44-BF51C378C539}" name="Work Schedule" dataDxfId="3"/>
    <tableColumn id="11" xr3:uid="{A5EFF638-17B9-274A-BC2D-CDDF762EFECC}" name="Work hours" dataDxfId="2"/>
    <tableColumn id="12" xr3:uid="{49616509-2283-6243-9872-7F162F0B065E}" name="Job Format" dataDxfId="1"/>
    <tableColumn id="13" xr3:uid="{A0F7E05C-EDCC-1041-874F-D1792BFD72F6}" name="Filled or Open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hyperlink" Target="https://can01.safelinks.protection.outlook.com/?url=https%3A%2F%2Fforms.office.com%2Fr%2FiNMNAAC0fA&amp;data=05%7C02%7Cearthscience%40smu.ca%7Cbaa3250a1b1c4cee0a8f08de3f04e04d%7C060b02ae57754360abbae2e29cca6627%7C1%7C0%7C639017487346033342%7CUnknown%7CTWFpbGZsb3d8eyJFbXB0eU1hcGkiOnRydWUsIlYiOiIwLjAuMDAwMCIsIlAiOiJXaW4zMiIsIkFOIjoiTWFpbCIsIldUIjoyfQ%3D%3D%7C0%7C%7C%7C&amp;sdata=27MleVKyCTmTHSSKPqxHk4QP9PfzLUnzsALIFJoxA9U%3D&amp;reserved=0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DEB822-FA5A-7E4D-97EA-5C3FF76B8D65}">
  <dimension ref="A1:O62"/>
  <sheetViews>
    <sheetView tabSelected="1" workbookViewId="0">
      <selection activeCell="G9" sqref="G9"/>
    </sheetView>
  </sheetViews>
  <sheetFormatPr defaultColWidth="10.83203125" defaultRowHeight="16" x14ac:dyDescent="0.4"/>
  <cols>
    <col min="1" max="1" width="14.33203125" customWidth="1"/>
    <col min="2" max="2" width="14.33203125" bestFit="1" customWidth="1"/>
    <col min="3" max="3" width="13" bestFit="1" customWidth="1"/>
    <col min="4" max="4" width="13.58203125" bestFit="1" customWidth="1"/>
    <col min="5" max="5" width="17.83203125" bestFit="1" customWidth="1"/>
    <col min="6" max="6" width="15.08203125" bestFit="1" customWidth="1"/>
    <col min="7" max="7" width="9.33203125" customWidth="1"/>
    <col min="8" max="8" width="72.5" customWidth="1"/>
    <col min="9" max="9" width="44.75" customWidth="1"/>
    <col min="10" max="10" width="54.08203125" customWidth="1"/>
    <col min="11" max="11" width="26.83203125" bestFit="1" customWidth="1"/>
    <col min="12" max="12" width="21.83203125" customWidth="1"/>
    <col min="13" max="13" width="20.08203125" bestFit="1" customWidth="1"/>
    <col min="14" max="14" width="21.58203125" customWidth="1"/>
  </cols>
  <sheetData>
    <row r="1" spans="1:15" x14ac:dyDescent="0.4">
      <c r="B1" s="42"/>
      <c r="C1" s="42"/>
      <c r="D1" s="1"/>
      <c r="E1" s="1"/>
      <c r="F1" s="1"/>
      <c r="G1" s="1"/>
      <c r="H1" s="1"/>
      <c r="I1" s="1"/>
      <c r="J1" s="2"/>
      <c r="K1" s="1"/>
      <c r="L1" s="1"/>
      <c r="M1" s="3"/>
      <c r="N1" s="1"/>
    </row>
    <row r="2" spans="1:15" ht="18.5" x14ac:dyDescent="0.45">
      <c r="A2" s="4" t="s">
        <v>0</v>
      </c>
      <c r="B2" s="5"/>
      <c r="C2" s="1"/>
      <c r="D2" s="1"/>
      <c r="E2" s="1"/>
      <c r="F2" s="1"/>
      <c r="G2" s="1"/>
      <c r="H2" s="2"/>
      <c r="I2" s="1"/>
      <c r="J2" s="1"/>
      <c r="K2" s="3"/>
      <c r="L2" s="1"/>
    </row>
    <row r="3" spans="1:15" ht="18.5" x14ac:dyDescent="0.45">
      <c r="A3" t="s">
        <v>1</v>
      </c>
      <c r="B3" s="42"/>
      <c r="C3" s="42"/>
      <c r="D3" s="5"/>
      <c r="E3" s="1"/>
      <c r="F3" s="1"/>
      <c r="G3" s="1"/>
      <c r="H3" s="1"/>
      <c r="I3" s="1"/>
      <c r="J3" s="2"/>
      <c r="K3" s="1"/>
      <c r="L3" s="1"/>
      <c r="M3" s="3"/>
      <c r="N3" s="1"/>
    </row>
    <row r="4" spans="1:15" ht="18.5" x14ac:dyDescent="0.45">
      <c r="A4" t="s">
        <v>2</v>
      </c>
      <c r="B4" s="1"/>
      <c r="C4" s="6"/>
      <c r="D4" s="5"/>
      <c r="E4" s="1"/>
      <c r="F4" s="1"/>
      <c r="G4" s="1"/>
      <c r="H4" s="1"/>
      <c r="I4" s="1"/>
      <c r="J4" s="2"/>
      <c r="K4" s="1"/>
      <c r="L4" s="1"/>
      <c r="M4" s="3"/>
      <c r="N4" s="1"/>
    </row>
    <row r="5" spans="1:15" ht="18.5" x14ac:dyDescent="0.45">
      <c r="A5" t="s">
        <v>30</v>
      </c>
      <c r="B5" s="1"/>
      <c r="C5" s="7"/>
      <c r="D5" s="5"/>
      <c r="E5" s="1"/>
      <c r="F5" s="1"/>
      <c r="G5" s="1"/>
      <c r="H5" s="1"/>
      <c r="I5" s="1"/>
      <c r="J5" s="2"/>
      <c r="K5" s="1"/>
      <c r="L5" s="1"/>
      <c r="M5" s="3"/>
      <c r="N5" s="1"/>
    </row>
    <row r="6" spans="1:15" ht="18.5" x14ac:dyDescent="0.45">
      <c r="B6" s="48" t="s">
        <v>31</v>
      </c>
      <c r="C6" s="42"/>
      <c r="D6" s="5"/>
      <c r="E6" s="1"/>
      <c r="F6" s="1"/>
      <c r="G6" s="1"/>
      <c r="H6" s="1"/>
      <c r="I6" s="1"/>
      <c r="J6" s="2"/>
      <c r="K6" s="1"/>
      <c r="L6" s="1"/>
      <c r="M6" s="3"/>
      <c r="N6" s="1"/>
    </row>
    <row r="8" spans="1:15" ht="18.5" x14ac:dyDescent="0.45">
      <c r="B8" s="42"/>
      <c r="C8" s="42"/>
      <c r="D8" s="5"/>
      <c r="E8" s="1"/>
      <c r="F8" s="1"/>
      <c r="G8" s="1"/>
      <c r="H8" s="1"/>
      <c r="I8" s="1"/>
      <c r="J8" s="2"/>
      <c r="K8" s="1"/>
      <c r="L8" s="1"/>
      <c r="M8" s="3"/>
      <c r="N8" s="1"/>
    </row>
    <row r="9" spans="1:15" x14ac:dyDescent="0.4">
      <c r="A9" s="4"/>
      <c r="B9" s="1"/>
      <c r="C9" s="1"/>
      <c r="D9" s="1"/>
      <c r="E9" s="1"/>
      <c r="F9" s="1"/>
      <c r="G9" s="1"/>
      <c r="H9" s="2"/>
      <c r="I9" s="1"/>
      <c r="J9" s="1"/>
      <c r="K9" s="3"/>
      <c r="L9" s="1"/>
    </row>
    <row r="10" spans="1:15" x14ac:dyDescent="0.4">
      <c r="B10" s="44"/>
      <c r="C10" s="45"/>
      <c r="D10" s="8"/>
      <c r="E10" s="8"/>
      <c r="F10" s="8"/>
      <c r="G10" s="8"/>
      <c r="H10" s="8"/>
      <c r="I10" s="8"/>
      <c r="J10" s="9"/>
      <c r="K10" s="8"/>
      <c r="L10" s="8"/>
      <c r="M10" s="10"/>
    </row>
    <row r="11" spans="1:15" x14ac:dyDescent="0.4">
      <c r="A11" t="s">
        <v>3</v>
      </c>
      <c r="B11" s="11" t="s">
        <v>4</v>
      </c>
      <c r="C11" s="12" t="s">
        <v>5</v>
      </c>
      <c r="D11" s="12" t="s">
        <v>6</v>
      </c>
      <c r="E11" s="11" t="s">
        <v>7</v>
      </c>
      <c r="F11" s="11" t="s">
        <v>8</v>
      </c>
      <c r="G11" s="11" t="s">
        <v>9</v>
      </c>
      <c r="H11" s="11" t="s">
        <v>10</v>
      </c>
      <c r="I11" s="11" t="s">
        <v>11</v>
      </c>
      <c r="J11" s="11" t="s">
        <v>12</v>
      </c>
      <c r="K11" s="13" t="s">
        <v>13</v>
      </c>
      <c r="L11" s="11" t="s">
        <v>14</v>
      </c>
      <c r="M11" s="11" t="s">
        <v>15</v>
      </c>
      <c r="N11" s="14" t="s">
        <v>16</v>
      </c>
      <c r="O11" s="15"/>
    </row>
    <row r="12" spans="1:15" ht="223.5" customHeight="1" x14ac:dyDescent="0.4">
      <c r="A12" s="36" t="s">
        <v>19</v>
      </c>
      <c r="B12" s="37" t="s">
        <v>20</v>
      </c>
      <c r="C12" s="32" t="s">
        <v>17</v>
      </c>
      <c r="D12" s="32">
        <v>2026</v>
      </c>
      <c r="E12" s="33" t="s">
        <v>27</v>
      </c>
      <c r="F12" s="33" t="s">
        <v>28</v>
      </c>
      <c r="G12" s="17">
        <v>1</v>
      </c>
      <c r="H12" s="47" t="s">
        <v>29</v>
      </c>
      <c r="I12" s="17" t="s">
        <v>21</v>
      </c>
      <c r="J12" s="17" t="s">
        <v>22</v>
      </c>
      <c r="K12" s="16" t="s">
        <v>23</v>
      </c>
      <c r="L12" s="17" t="s">
        <v>25</v>
      </c>
      <c r="M12" s="17" t="s">
        <v>24</v>
      </c>
      <c r="N12" s="18" t="s">
        <v>18</v>
      </c>
      <c r="O12" s="15"/>
    </row>
    <row r="13" spans="1:15" ht="297.75" customHeight="1" x14ac:dyDescent="0.4">
      <c r="A13" s="36"/>
      <c r="B13" s="37"/>
      <c r="C13" s="32"/>
      <c r="D13" s="32"/>
      <c r="E13" s="33"/>
      <c r="F13" s="38"/>
      <c r="G13" s="22"/>
      <c r="H13" s="46"/>
      <c r="I13" s="22"/>
      <c r="J13" s="22"/>
      <c r="K13" s="21"/>
      <c r="L13" s="22"/>
      <c r="M13" s="22"/>
      <c r="N13" s="23"/>
      <c r="O13" s="1"/>
    </row>
    <row r="14" spans="1:15" ht="255" customHeight="1" x14ac:dyDescent="0.4">
      <c r="A14" s="36"/>
      <c r="B14" s="37"/>
      <c r="C14" s="32"/>
      <c r="D14" s="32"/>
      <c r="E14" s="33"/>
      <c r="F14" s="38"/>
      <c r="G14" s="22"/>
      <c r="H14" s="35"/>
      <c r="I14" s="22"/>
      <c r="J14" s="22"/>
      <c r="K14" s="21"/>
      <c r="L14" s="22" t="s">
        <v>26</v>
      </c>
      <c r="M14" s="22"/>
      <c r="N14" s="23"/>
      <c r="O14" s="42"/>
    </row>
    <row r="15" spans="1:15" x14ac:dyDescent="0.4">
      <c r="B15" s="19"/>
      <c r="C15" s="20"/>
      <c r="D15" s="20"/>
      <c r="E15" s="21"/>
      <c r="F15" s="21"/>
      <c r="G15" s="22"/>
      <c r="H15" s="34"/>
      <c r="I15" s="22"/>
      <c r="J15" s="22"/>
      <c r="K15" s="21"/>
      <c r="L15" s="22"/>
      <c r="M15" s="22"/>
      <c r="N15" s="23"/>
      <c r="O15" s="42"/>
    </row>
    <row r="16" spans="1:15" ht="147" customHeight="1" x14ac:dyDescent="0.4">
      <c r="B16" s="19"/>
      <c r="C16" s="20"/>
      <c r="D16" s="20"/>
      <c r="E16" s="21"/>
      <c r="F16" s="21"/>
      <c r="G16" s="22"/>
      <c r="H16" s="34"/>
      <c r="I16" s="22"/>
      <c r="J16" s="22"/>
      <c r="K16" s="21"/>
      <c r="L16" s="22"/>
      <c r="M16" s="22"/>
      <c r="N16" s="23"/>
      <c r="O16" s="42"/>
    </row>
    <row r="17" spans="2:15" x14ac:dyDescent="0.4">
      <c r="B17" s="19"/>
      <c r="C17" s="20"/>
      <c r="D17" s="20"/>
      <c r="E17" s="21"/>
      <c r="F17" s="21"/>
      <c r="G17" s="22"/>
      <c r="H17" s="34"/>
      <c r="I17" s="22"/>
      <c r="J17" s="22"/>
      <c r="K17" s="21"/>
      <c r="L17" s="22"/>
      <c r="M17" s="22"/>
      <c r="N17" s="23"/>
      <c r="O17" s="42"/>
    </row>
    <row r="18" spans="2:15" ht="147" customHeight="1" x14ac:dyDescent="0.4">
      <c r="B18" s="19"/>
      <c r="C18" s="20"/>
      <c r="D18" s="20"/>
      <c r="E18" s="21"/>
      <c r="F18" s="21"/>
      <c r="G18" s="22"/>
      <c r="H18" s="34"/>
      <c r="I18" s="22"/>
      <c r="J18" s="22"/>
      <c r="K18" s="21"/>
      <c r="L18" s="22"/>
      <c r="M18" s="22"/>
      <c r="N18" s="23"/>
      <c r="O18" s="42"/>
    </row>
    <row r="19" spans="2:15" x14ac:dyDescent="0.4">
      <c r="B19" s="19"/>
      <c r="C19" s="20"/>
      <c r="D19" s="20"/>
      <c r="E19" s="21"/>
      <c r="F19" s="21"/>
      <c r="G19" s="22"/>
      <c r="H19" s="34"/>
      <c r="I19" s="22"/>
      <c r="J19" s="22"/>
      <c r="K19" s="21"/>
      <c r="L19" s="22"/>
      <c r="M19" s="22"/>
      <c r="N19" s="23"/>
      <c r="O19" s="42"/>
    </row>
    <row r="20" spans="2:15" ht="147" customHeight="1" x14ac:dyDescent="0.4">
      <c r="B20" s="1"/>
      <c r="C20" s="24"/>
      <c r="D20" s="25"/>
      <c r="E20" s="25"/>
      <c r="F20" s="25"/>
      <c r="G20" s="25"/>
      <c r="H20" s="25"/>
      <c r="I20" s="25"/>
      <c r="J20" s="26"/>
      <c r="K20" s="27"/>
      <c r="L20" s="28"/>
      <c r="M20" s="3"/>
      <c r="N20" s="42"/>
    </row>
    <row r="21" spans="2:15" x14ac:dyDescent="0.4">
      <c r="B21" s="42"/>
      <c r="C21" s="43"/>
      <c r="D21" s="39"/>
      <c r="E21" s="39"/>
      <c r="F21" s="39"/>
      <c r="G21" s="39"/>
      <c r="H21" s="39"/>
      <c r="I21" s="39"/>
      <c r="J21" s="26"/>
      <c r="K21" s="40"/>
      <c r="L21" s="29"/>
      <c r="M21" s="41"/>
      <c r="N21" s="42"/>
    </row>
    <row r="22" spans="2:15" ht="147" customHeight="1" x14ac:dyDescent="0.4">
      <c r="B22" s="42"/>
      <c r="C22" s="43"/>
      <c r="D22" s="39"/>
      <c r="E22" s="39"/>
      <c r="F22" s="39"/>
      <c r="G22" s="39"/>
      <c r="H22" s="39"/>
      <c r="I22" s="39"/>
      <c r="J22" s="26"/>
      <c r="K22" s="40"/>
      <c r="L22" s="28"/>
      <c r="M22" s="41"/>
      <c r="N22" s="42"/>
    </row>
    <row r="23" spans="2:15" x14ac:dyDescent="0.4">
      <c r="B23" s="42"/>
      <c r="C23" s="43"/>
      <c r="D23" s="39"/>
      <c r="E23" s="39"/>
      <c r="F23" s="39"/>
      <c r="G23" s="39"/>
      <c r="H23" s="39"/>
      <c r="I23" s="39"/>
      <c r="J23" s="26"/>
      <c r="K23" s="40"/>
      <c r="L23" s="29"/>
      <c r="M23" s="41"/>
      <c r="N23" s="42"/>
    </row>
    <row r="24" spans="2:15" ht="147" customHeight="1" x14ac:dyDescent="0.4">
      <c r="B24" s="42"/>
      <c r="C24" s="43"/>
      <c r="D24" s="39"/>
      <c r="E24" s="39"/>
      <c r="F24" s="39"/>
      <c r="G24" s="39"/>
      <c r="H24" s="39"/>
      <c r="I24" s="39"/>
      <c r="J24" s="26"/>
      <c r="K24" s="40"/>
      <c r="L24" s="28"/>
      <c r="M24" s="41"/>
      <c r="N24" s="42"/>
    </row>
    <row r="25" spans="2:15" x14ac:dyDescent="0.4">
      <c r="B25" s="42"/>
      <c r="C25" s="43"/>
      <c r="D25" s="39"/>
      <c r="E25" s="39"/>
      <c r="F25" s="39"/>
      <c r="G25" s="39"/>
      <c r="H25" s="39"/>
      <c r="I25" s="39"/>
      <c r="J25" s="26"/>
      <c r="K25" s="40"/>
      <c r="L25" s="29"/>
      <c r="M25" s="41"/>
      <c r="N25" s="42"/>
    </row>
    <row r="26" spans="2:15" ht="147" customHeight="1" x14ac:dyDescent="0.4">
      <c r="B26" s="42"/>
      <c r="C26" s="43"/>
      <c r="D26" s="39"/>
      <c r="E26" s="39"/>
      <c r="F26" s="39"/>
      <c r="G26" s="39"/>
      <c r="H26" s="39"/>
      <c r="I26" s="39"/>
      <c r="J26" s="26"/>
      <c r="K26" s="40"/>
      <c r="L26" s="28"/>
      <c r="M26" s="41"/>
      <c r="N26" s="42"/>
    </row>
    <row r="27" spans="2:15" x14ac:dyDescent="0.4">
      <c r="B27" s="42"/>
      <c r="C27" s="43"/>
      <c r="D27" s="39"/>
      <c r="E27" s="39"/>
      <c r="F27" s="39"/>
      <c r="G27" s="39"/>
      <c r="H27" s="39"/>
      <c r="I27" s="39"/>
      <c r="J27" s="26"/>
      <c r="K27" s="40"/>
      <c r="L27" s="29"/>
      <c r="M27" s="41"/>
      <c r="N27" s="42"/>
    </row>
    <row r="28" spans="2:15" ht="147" customHeight="1" x14ac:dyDescent="0.4">
      <c r="B28" s="42"/>
      <c r="C28" s="43"/>
      <c r="D28" s="39"/>
      <c r="E28" s="39"/>
      <c r="F28" s="39"/>
      <c r="G28" s="39"/>
      <c r="H28" s="39"/>
      <c r="I28" s="39"/>
      <c r="J28" s="26"/>
      <c r="K28" s="40"/>
      <c r="L28" s="28"/>
      <c r="M28" s="41"/>
      <c r="N28" s="42"/>
    </row>
    <row r="29" spans="2:15" x14ac:dyDescent="0.4">
      <c r="B29" s="42"/>
      <c r="C29" s="43"/>
      <c r="D29" s="39"/>
      <c r="E29" s="39"/>
      <c r="F29" s="39"/>
      <c r="G29" s="39"/>
      <c r="H29" s="39"/>
      <c r="I29" s="39"/>
      <c r="J29" s="26"/>
      <c r="K29" s="40"/>
      <c r="L29" s="29"/>
      <c r="M29" s="41"/>
      <c r="N29" s="42"/>
    </row>
    <row r="30" spans="2:15" ht="147" customHeight="1" x14ac:dyDescent="0.4">
      <c r="B30" s="42"/>
      <c r="C30" s="43"/>
      <c r="D30" s="39"/>
      <c r="E30" s="39"/>
      <c r="F30" s="39"/>
      <c r="G30" s="39"/>
      <c r="H30" s="39"/>
      <c r="I30" s="39"/>
      <c r="J30" s="26"/>
      <c r="K30" s="40"/>
      <c r="L30" s="28"/>
      <c r="M30" s="41"/>
      <c r="N30" s="42"/>
    </row>
    <row r="31" spans="2:15" x14ac:dyDescent="0.4">
      <c r="B31" s="42"/>
      <c r="C31" s="43"/>
      <c r="D31" s="39"/>
      <c r="E31" s="39"/>
      <c r="F31" s="39"/>
      <c r="G31" s="39"/>
      <c r="H31" s="39"/>
      <c r="I31" s="39"/>
      <c r="J31" s="26"/>
      <c r="K31" s="40"/>
      <c r="L31" s="29"/>
      <c r="M31" s="41"/>
      <c r="N31" s="42"/>
    </row>
    <row r="32" spans="2:15" ht="147" customHeight="1" x14ac:dyDescent="0.4">
      <c r="B32" s="42"/>
      <c r="C32" s="43"/>
      <c r="D32" s="39"/>
      <c r="E32" s="39"/>
      <c r="F32" s="39"/>
      <c r="G32" s="39"/>
      <c r="H32" s="39"/>
      <c r="I32" s="39"/>
      <c r="J32" s="26"/>
      <c r="K32" s="40"/>
      <c r="L32" s="28"/>
      <c r="M32" s="41"/>
      <c r="N32" s="42"/>
    </row>
    <row r="33" spans="2:14" x14ac:dyDescent="0.4">
      <c r="B33" s="42"/>
      <c r="C33" s="43"/>
      <c r="D33" s="39"/>
      <c r="E33" s="39"/>
      <c r="F33" s="39"/>
      <c r="G33" s="39"/>
      <c r="H33" s="39"/>
      <c r="I33" s="39"/>
      <c r="J33" s="26"/>
      <c r="K33" s="40"/>
      <c r="L33" s="29"/>
      <c r="M33" s="41"/>
      <c r="N33" s="42"/>
    </row>
    <row r="34" spans="2:14" ht="147" customHeight="1" x14ac:dyDescent="0.4">
      <c r="B34" s="42"/>
      <c r="C34" s="43"/>
      <c r="D34" s="39"/>
      <c r="E34" s="39"/>
      <c r="F34" s="39"/>
      <c r="G34" s="39"/>
      <c r="H34" s="39"/>
      <c r="I34" s="39"/>
      <c r="J34" s="26"/>
      <c r="K34" s="40"/>
      <c r="L34" s="28"/>
      <c r="M34" s="41"/>
      <c r="N34" s="42"/>
    </row>
    <row r="35" spans="2:14" x14ac:dyDescent="0.4">
      <c r="B35" s="42"/>
      <c r="C35" s="43"/>
      <c r="D35" s="39"/>
      <c r="E35" s="39"/>
      <c r="F35" s="39"/>
      <c r="G35" s="39"/>
      <c r="H35" s="39"/>
      <c r="I35" s="39"/>
      <c r="J35" s="26"/>
      <c r="K35" s="40"/>
      <c r="L35" s="29"/>
      <c r="M35" s="41"/>
      <c r="N35" s="42"/>
    </row>
    <row r="36" spans="2:14" ht="147" customHeight="1" x14ac:dyDescent="0.4">
      <c r="B36" s="42"/>
      <c r="C36" s="43"/>
      <c r="D36" s="39"/>
      <c r="E36" s="39"/>
      <c r="F36" s="39"/>
      <c r="G36" s="39"/>
      <c r="H36" s="39"/>
      <c r="I36" s="39"/>
      <c r="J36" s="26"/>
      <c r="K36" s="40"/>
      <c r="L36" s="28"/>
      <c r="M36" s="41"/>
      <c r="N36" s="42"/>
    </row>
    <row r="37" spans="2:14" x14ac:dyDescent="0.4">
      <c r="B37" s="42"/>
      <c r="C37" s="43"/>
      <c r="D37" s="39"/>
      <c r="E37" s="39"/>
      <c r="F37" s="39"/>
      <c r="G37" s="39"/>
      <c r="H37" s="39"/>
      <c r="I37" s="39"/>
      <c r="J37" s="26"/>
      <c r="K37" s="40"/>
      <c r="L37" s="29"/>
      <c r="M37" s="41"/>
      <c r="N37" s="42"/>
    </row>
    <row r="38" spans="2:14" ht="147" customHeight="1" x14ac:dyDescent="0.4">
      <c r="B38" s="42"/>
      <c r="C38" s="43"/>
      <c r="D38" s="39"/>
      <c r="E38" s="39"/>
      <c r="F38" s="39"/>
      <c r="G38" s="39"/>
      <c r="H38" s="39"/>
      <c r="I38" s="39"/>
      <c r="J38" s="26"/>
      <c r="K38" s="40"/>
      <c r="L38" s="28"/>
      <c r="M38" s="41"/>
      <c r="N38" s="42"/>
    </row>
    <row r="39" spans="2:14" x14ac:dyDescent="0.4">
      <c r="B39" s="42"/>
      <c r="C39" s="43"/>
      <c r="D39" s="39"/>
      <c r="E39" s="39"/>
      <c r="F39" s="39"/>
      <c r="G39" s="39"/>
      <c r="H39" s="39"/>
      <c r="I39" s="39"/>
      <c r="J39" s="26"/>
      <c r="K39" s="40"/>
      <c r="L39" s="29"/>
      <c r="M39" s="41"/>
      <c r="N39" s="42"/>
    </row>
    <row r="40" spans="2:14" ht="147" customHeight="1" x14ac:dyDescent="0.4">
      <c r="B40" s="42"/>
      <c r="C40" s="43"/>
      <c r="D40" s="39"/>
      <c r="E40" s="39"/>
      <c r="F40" s="39"/>
      <c r="G40" s="39"/>
      <c r="H40" s="39"/>
      <c r="I40" s="39"/>
      <c r="J40" s="26"/>
      <c r="K40" s="40"/>
      <c r="L40" s="28"/>
      <c r="M40" s="41"/>
      <c r="N40" s="42"/>
    </row>
    <row r="41" spans="2:14" x14ac:dyDescent="0.4">
      <c r="B41" s="42"/>
      <c r="C41" s="43"/>
      <c r="D41" s="39"/>
      <c r="E41" s="39"/>
      <c r="F41" s="39"/>
      <c r="G41" s="39"/>
      <c r="H41" s="39"/>
      <c r="I41" s="39"/>
      <c r="J41" s="26"/>
      <c r="K41" s="40"/>
      <c r="L41" s="29"/>
      <c r="M41" s="41"/>
      <c r="N41" s="42"/>
    </row>
    <row r="42" spans="2:14" ht="147" customHeight="1" x14ac:dyDescent="0.4">
      <c r="B42" s="42"/>
      <c r="C42" s="43"/>
      <c r="D42" s="39"/>
      <c r="E42" s="39"/>
      <c r="F42" s="39"/>
      <c r="G42" s="39"/>
      <c r="H42" s="39"/>
      <c r="I42" s="39"/>
      <c r="J42" s="26"/>
      <c r="K42" s="40"/>
      <c r="L42" s="28"/>
      <c r="M42" s="41"/>
      <c r="N42" s="42"/>
    </row>
    <row r="43" spans="2:14" x14ac:dyDescent="0.4">
      <c r="B43" s="42"/>
      <c r="C43" s="43"/>
      <c r="D43" s="39"/>
      <c r="E43" s="39"/>
      <c r="F43" s="39"/>
      <c r="G43" s="39"/>
      <c r="H43" s="39"/>
      <c r="I43" s="39"/>
      <c r="J43" s="26"/>
      <c r="K43" s="40"/>
      <c r="L43" s="29"/>
      <c r="M43" s="41"/>
      <c r="N43" s="42"/>
    </row>
    <row r="44" spans="2:14" ht="132" customHeight="1" x14ac:dyDescent="0.4">
      <c r="B44" s="42"/>
      <c r="C44" s="43"/>
      <c r="D44" s="39"/>
      <c r="E44" s="39"/>
      <c r="F44" s="39"/>
      <c r="G44" s="39"/>
      <c r="H44" s="39"/>
      <c r="I44" s="39"/>
      <c r="J44" s="26"/>
      <c r="K44" s="40"/>
      <c r="L44" s="28"/>
      <c r="M44" s="41"/>
      <c r="N44" s="42"/>
    </row>
    <row r="45" spans="2:14" x14ac:dyDescent="0.4">
      <c r="B45" s="42"/>
      <c r="C45" s="43"/>
      <c r="D45" s="39"/>
      <c r="E45" s="39"/>
      <c r="F45" s="39"/>
      <c r="G45" s="39"/>
      <c r="H45" s="39"/>
      <c r="I45" s="39"/>
      <c r="J45" s="26"/>
      <c r="K45" s="40"/>
      <c r="L45" s="29"/>
      <c r="M45" s="41"/>
      <c r="N45" s="42"/>
    </row>
    <row r="46" spans="2:14" ht="132" customHeight="1" x14ac:dyDescent="0.4">
      <c r="B46" s="42"/>
      <c r="C46" s="43"/>
      <c r="D46" s="39"/>
      <c r="E46" s="39"/>
      <c r="F46" s="39"/>
      <c r="G46" s="39"/>
      <c r="H46" s="39"/>
      <c r="I46" s="39"/>
      <c r="J46" s="26"/>
      <c r="K46" s="40"/>
      <c r="L46" s="28"/>
      <c r="M46" s="41"/>
      <c r="N46" s="42"/>
    </row>
    <row r="47" spans="2:14" x14ac:dyDescent="0.4">
      <c r="B47" s="42"/>
      <c r="C47" s="43"/>
      <c r="D47" s="39"/>
      <c r="E47" s="39"/>
      <c r="F47" s="39"/>
      <c r="G47" s="39"/>
      <c r="H47" s="39"/>
      <c r="I47" s="39"/>
      <c r="J47" s="26"/>
      <c r="K47" s="40"/>
      <c r="L47" s="29"/>
      <c r="M47" s="41"/>
      <c r="N47" s="42"/>
    </row>
    <row r="48" spans="2:14" x14ac:dyDescent="0.4">
      <c r="B48" s="42"/>
      <c r="C48" s="43"/>
      <c r="D48" s="39"/>
      <c r="E48" s="39"/>
      <c r="F48" s="39"/>
      <c r="G48" s="39"/>
      <c r="H48" s="39"/>
      <c r="I48" s="39"/>
      <c r="J48" s="26"/>
      <c r="K48" s="40"/>
      <c r="L48" s="28"/>
      <c r="M48" s="41"/>
      <c r="N48" s="42"/>
    </row>
    <row r="49" spans="2:14" x14ac:dyDescent="0.4">
      <c r="B49" s="42"/>
      <c r="C49" s="43"/>
      <c r="D49" s="39"/>
      <c r="E49" s="39"/>
      <c r="F49" s="39"/>
      <c r="G49" s="39"/>
      <c r="H49" s="39"/>
      <c r="I49" s="39"/>
      <c r="J49" s="26"/>
      <c r="K49" s="40"/>
      <c r="L49" s="29"/>
      <c r="M49" s="41"/>
      <c r="N49" s="42"/>
    </row>
    <row r="50" spans="2:14" ht="162" customHeight="1" x14ac:dyDescent="0.4">
      <c r="B50" s="42"/>
      <c r="C50" s="43"/>
      <c r="D50" s="39"/>
      <c r="E50" s="39"/>
      <c r="F50" s="39"/>
      <c r="G50" s="39"/>
      <c r="H50" s="39"/>
      <c r="I50" s="39"/>
      <c r="J50" s="26"/>
      <c r="K50" s="40"/>
      <c r="L50" s="28"/>
      <c r="M50" s="41"/>
      <c r="N50" s="42"/>
    </row>
    <row r="51" spans="2:14" x14ac:dyDescent="0.4">
      <c r="B51" s="42"/>
      <c r="C51" s="43"/>
      <c r="D51" s="39"/>
      <c r="E51" s="39"/>
      <c r="F51" s="39"/>
      <c r="G51" s="39"/>
      <c r="H51" s="39"/>
      <c r="I51" s="39"/>
      <c r="J51" s="26"/>
      <c r="K51" s="40"/>
      <c r="L51" s="30"/>
      <c r="M51" s="41"/>
      <c r="N51" s="42"/>
    </row>
    <row r="52" spans="2:14" ht="147" customHeight="1" x14ac:dyDescent="0.4">
      <c r="B52" s="42"/>
      <c r="C52" s="43"/>
      <c r="D52" s="39"/>
      <c r="E52" s="39"/>
      <c r="F52" s="39"/>
      <c r="G52" s="39"/>
      <c r="H52" s="39"/>
      <c r="I52" s="39"/>
      <c r="J52" s="26"/>
      <c r="K52" s="40"/>
      <c r="L52" s="31"/>
      <c r="M52" s="41"/>
      <c r="N52" s="42"/>
    </row>
    <row r="53" spans="2:14" x14ac:dyDescent="0.4">
      <c r="B53" s="42"/>
      <c r="C53" s="43"/>
      <c r="D53" s="39"/>
      <c r="E53" s="39"/>
      <c r="F53" s="39"/>
      <c r="G53" s="39"/>
      <c r="H53" s="39"/>
      <c r="I53" s="39"/>
      <c r="J53" s="26"/>
      <c r="K53" s="40"/>
      <c r="L53" s="30"/>
      <c r="M53" s="41"/>
      <c r="N53" s="42"/>
    </row>
    <row r="54" spans="2:14" x14ac:dyDescent="0.4">
      <c r="B54" s="42"/>
      <c r="C54" s="43"/>
      <c r="D54" s="39"/>
      <c r="E54" s="39"/>
      <c r="F54" s="39"/>
      <c r="G54" s="39"/>
      <c r="H54" s="39"/>
      <c r="I54" s="39"/>
      <c r="J54" s="26"/>
      <c r="K54" s="40"/>
      <c r="L54" s="31"/>
      <c r="M54" s="41"/>
      <c r="N54" s="42"/>
    </row>
    <row r="55" spans="2:14" x14ac:dyDescent="0.4">
      <c r="B55" s="42"/>
      <c r="C55" s="43"/>
      <c r="D55" s="39"/>
      <c r="E55" s="39"/>
      <c r="F55" s="39"/>
      <c r="G55" s="39"/>
      <c r="H55" s="39"/>
      <c r="I55" s="39"/>
      <c r="J55" s="26"/>
      <c r="K55" s="40"/>
      <c r="L55" s="29"/>
      <c r="M55" s="41"/>
      <c r="N55" s="42"/>
    </row>
    <row r="56" spans="2:14" x14ac:dyDescent="0.4">
      <c r="B56" s="42"/>
      <c r="C56" s="43"/>
      <c r="D56" s="39"/>
      <c r="E56" s="39"/>
      <c r="F56" s="39"/>
      <c r="G56" s="39"/>
      <c r="H56" s="39"/>
      <c r="I56" s="39"/>
      <c r="J56" s="26"/>
      <c r="K56" s="40"/>
      <c r="L56" s="28"/>
      <c r="M56" s="41"/>
    </row>
    <row r="57" spans="2:14" x14ac:dyDescent="0.4">
      <c r="B57" s="42"/>
      <c r="C57" s="43"/>
      <c r="D57" s="39"/>
      <c r="E57" s="39"/>
      <c r="F57" s="39"/>
      <c r="G57" s="39"/>
      <c r="H57" s="39"/>
      <c r="I57" s="39"/>
      <c r="J57" s="26"/>
      <c r="K57" s="40"/>
      <c r="L57" s="29"/>
      <c r="M57" s="41"/>
    </row>
    <row r="58" spans="2:14" x14ac:dyDescent="0.4">
      <c r="B58" s="42"/>
      <c r="C58" s="43"/>
      <c r="D58" s="39"/>
      <c r="E58" s="39"/>
      <c r="F58" s="39"/>
      <c r="G58" s="39"/>
      <c r="H58" s="39"/>
      <c r="I58" s="39"/>
      <c r="J58" s="26"/>
      <c r="K58" s="40"/>
      <c r="L58" s="28"/>
      <c r="M58" s="41"/>
    </row>
    <row r="59" spans="2:14" x14ac:dyDescent="0.4">
      <c r="B59" s="42"/>
      <c r="C59" s="43"/>
      <c r="D59" s="39"/>
      <c r="E59" s="39"/>
      <c r="F59" s="39"/>
      <c r="G59" s="39"/>
      <c r="H59" s="39"/>
      <c r="I59" s="39"/>
      <c r="J59" s="26"/>
      <c r="K59" s="40"/>
      <c r="L59" s="29"/>
      <c r="M59" s="41"/>
    </row>
    <row r="60" spans="2:14" x14ac:dyDescent="0.4">
      <c r="B60" s="42"/>
      <c r="C60" s="43"/>
      <c r="D60" s="39"/>
      <c r="E60" s="39"/>
      <c r="F60" s="39"/>
      <c r="G60" s="39"/>
      <c r="H60" s="39"/>
      <c r="I60" s="39"/>
      <c r="J60" s="26"/>
      <c r="K60" s="40"/>
      <c r="L60" s="28"/>
      <c r="M60" s="41"/>
    </row>
    <row r="61" spans="2:14" x14ac:dyDescent="0.4">
      <c r="B61" s="42"/>
      <c r="C61" s="43"/>
      <c r="D61" s="39"/>
      <c r="E61" s="39"/>
      <c r="F61" s="39"/>
      <c r="G61" s="39"/>
      <c r="H61" s="39"/>
      <c r="I61" s="39"/>
      <c r="J61" s="26"/>
      <c r="K61" s="40"/>
      <c r="L61" s="29"/>
      <c r="M61" s="41"/>
    </row>
    <row r="62" spans="2:14" x14ac:dyDescent="0.4">
      <c r="B62" s="42"/>
      <c r="C62" s="43"/>
      <c r="D62" s="39"/>
      <c r="E62" s="39"/>
      <c r="F62" s="39"/>
      <c r="G62" s="39"/>
      <c r="H62" s="39"/>
      <c r="I62" s="39"/>
      <c r="J62" s="26"/>
      <c r="K62" s="40"/>
      <c r="L62" s="28"/>
      <c r="M62" s="41"/>
    </row>
  </sheetData>
  <mergeCells count="236">
    <mergeCell ref="B1:C1"/>
    <mergeCell ref="B3:C3"/>
    <mergeCell ref="B6:C6"/>
    <mergeCell ref="B8:C8"/>
    <mergeCell ref="B10:C10"/>
    <mergeCell ref="O14:O15"/>
    <mergeCell ref="M21:M22"/>
    <mergeCell ref="O16:O17"/>
    <mergeCell ref="O18:O19"/>
    <mergeCell ref="N20:N21"/>
    <mergeCell ref="B21:B22"/>
    <mergeCell ref="C21:C22"/>
    <mergeCell ref="D21:D22"/>
    <mergeCell ref="E21:E22"/>
    <mergeCell ref="F21:F22"/>
    <mergeCell ref="G21:G22"/>
    <mergeCell ref="H21:H22"/>
    <mergeCell ref="B23:B24"/>
    <mergeCell ref="C23:C24"/>
    <mergeCell ref="D23:D24"/>
    <mergeCell ref="E23:E24"/>
    <mergeCell ref="F23:F24"/>
    <mergeCell ref="G23:G24"/>
    <mergeCell ref="H23:H24"/>
    <mergeCell ref="I21:I22"/>
    <mergeCell ref="K21:K22"/>
    <mergeCell ref="M27:M28"/>
    <mergeCell ref="N26:N27"/>
    <mergeCell ref="B27:B28"/>
    <mergeCell ref="C27:C28"/>
    <mergeCell ref="D27:D28"/>
    <mergeCell ref="E27:E28"/>
    <mergeCell ref="F27:F28"/>
    <mergeCell ref="G27:G28"/>
    <mergeCell ref="H27:H28"/>
    <mergeCell ref="I25:I26"/>
    <mergeCell ref="K25:K26"/>
    <mergeCell ref="M25:M26"/>
    <mergeCell ref="N24:N25"/>
    <mergeCell ref="B25:B26"/>
    <mergeCell ref="C25:C26"/>
    <mergeCell ref="D25:D26"/>
    <mergeCell ref="E25:E26"/>
    <mergeCell ref="F25:F26"/>
    <mergeCell ref="G25:G26"/>
    <mergeCell ref="H25:H26"/>
    <mergeCell ref="I23:I24"/>
    <mergeCell ref="K23:K24"/>
    <mergeCell ref="M23:M24"/>
    <mergeCell ref="N22:N23"/>
    <mergeCell ref="B29:B30"/>
    <mergeCell ref="C29:C30"/>
    <mergeCell ref="D29:D30"/>
    <mergeCell ref="E29:E30"/>
    <mergeCell ref="F29:F30"/>
    <mergeCell ref="G29:G30"/>
    <mergeCell ref="H29:H30"/>
    <mergeCell ref="I27:I28"/>
    <mergeCell ref="K27:K28"/>
    <mergeCell ref="M33:M34"/>
    <mergeCell ref="N32:N33"/>
    <mergeCell ref="B33:B34"/>
    <mergeCell ref="C33:C34"/>
    <mergeCell ref="D33:D34"/>
    <mergeCell ref="E33:E34"/>
    <mergeCell ref="F33:F34"/>
    <mergeCell ref="G33:G34"/>
    <mergeCell ref="H33:H34"/>
    <mergeCell ref="I31:I32"/>
    <mergeCell ref="K31:K32"/>
    <mergeCell ref="M31:M32"/>
    <mergeCell ref="N30:N31"/>
    <mergeCell ref="B31:B32"/>
    <mergeCell ref="C31:C32"/>
    <mergeCell ref="D31:D32"/>
    <mergeCell ref="E31:E32"/>
    <mergeCell ref="F31:F32"/>
    <mergeCell ref="G31:G32"/>
    <mergeCell ref="H31:H32"/>
    <mergeCell ref="I29:I30"/>
    <mergeCell ref="K29:K30"/>
    <mergeCell ref="M29:M30"/>
    <mergeCell ref="N28:N29"/>
    <mergeCell ref="B35:B36"/>
    <mergeCell ref="C35:C36"/>
    <mergeCell ref="D35:D36"/>
    <mergeCell ref="E35:E36"/>
    <mergeCell ref="F35:F36"/>
    <mergeCell ref="G35:G36"/>
    <mergeCell ref="H35:H36"/>
    <mergeCell ref="I33:I34"/>
    <mergeCell ref="K33:K34"/>
    <mergeCell ref="M39:M40"/>
    <mergeCell ref="N38:N39"/>
    <mergeCell ref="B39:B40"/>
    <mergeCell ref="C39:C40"/>
    <mergeCell ref="D39:D40"/>
    <mergeCell ref="E39:E40"/>
    <mergeCell ref="F39:F40"/>
    <mergeCell ref="G39:G40"/>
    <mergeCell ref="H39:H40"/>
    <mergeCell ref="I37:I38"/>
    <mergeCell ref="K37:K38"/>
    <mergeCell ref="M37:M38"/>
    <mergeCell ref="N36:N37"/>
    <mergeCell ref="B37:B38"/>
    <mergeCell ref="C37:C38"/>
    <mergeCell ref="D37:D38"/>
    <mergeCell ref="E37:E38"/>
    <mergeCell ref="F37:F38"/>
    <mergeCell ref="G37:G38"/>
    <mergeCell ref="H37:H38"/>
    <mergeCell ref="I35:I36"/>
    <mergeCell ref="K35:K36"/>
    <mergeCell ref="M35:M36"/>
    <mergeCell ref="N34:N35"/>
    <mergeCell ref="B41:B42"/>
    <mergeCell ref="C41:C42"/>
    <mergeCell ref="D41:D42"/>
    <mergeCell ref="E41:E42"/>
    <mergeCell ref="F41:F42"/>
    <mergeCell ref="G41:G42"/>
    <mergeCell ref="H41:H42"/>
    <mergeCell ref="I39:I40"/>
    <mergeCell ref="K39:K40"/>
    <mergeCell ref="M45:M46"/>
    <mergeCell ref="N44:N45"/>
    <mergeCell ref="B45:B46"/>
    <mergeCell ref="C45:C46"/>
    <mergeCell ref="D45:D46"/>
    <mergeCell ref="E45:E46"/>
    <mergeCell ref="F45:F46"/>
    <mergeCell ref="G45:G46"/>
    <mergeCell ref="H45:H46"/>
    <mergeCell ref="I43:I44"/>
    <mergeCell ref="K43:K44"/>
    <mergeCell ref="M43:M44"/>
    <mergeCell ref="N42:N43"/>
    <mergeCell ref="B43:B44"/>
    <mergeCell ref="C43:C44"/>
    <mergeCell ref="D43:D44"/>
    <mergeCell ref="E43:E44"/>
    <mergeCell ref="F43:F44"/>
    <mergeCell ref="G43:G44"/>
    <mergeCell ref="H43:H44"/>
    <mergeCell ref="I41:I42"/>
    <mergeCell ref="K41:K42"/>
    <mergeCell ref="M41:M42"/>
    <mergeCell ref="N40:N41"/>
    <mergeCell ref="B47:B48"/>
    <mergeCell ref="C47:C48"/>
    <mergeCell ref="D47:D48"/>
    <mergeCell ref="E47:E48"/>
    <mergeCell ref="F47:F48"/>
    <mergeCell ref="G47:G48"/>
    <mergeCell ref="H47:H48"/>
    <mergeCell ref="I45:I46"/>
    <mergeCell ref="K45:K46"/>
    <mergeCell ref="M51:M52"/>
    <mergeCell ref="N50:N51"/>
    <mergeCell ref="B51:B52"/>
    <mergeCell ref="C51:C52"/>
    <mergeCell ref="D51:D52"/>
    <mergeCell ref="E51:E52"/>
    <mergeCell ref="F51:F52"/>
    <mergeCell ref="G51:G52"/>
    <mergeCell ref="H51:H52"/>
    <mergeCell ref="I49:I50"/>
    <mergeCell ref="K49:K50"/>
    <mergeCell ref="M49:M50"/>
    <mergeCell ref="N48:N49"/>
    <mergeCell ref="B49:B50"/>
    <mergeCell ref="C49:C50"/>
    <mergeCell ref="D49:D50"/>
    <mergeCell ref="E49:E50"/>
    <mergeCell ref="F49:F50"/>
    <mergeCell ref="G49:G50"/>
    <mergeCell ref="H49:H50"/>
    <mergeCell ref="I47:I48"/>
    <mergeCell ref="K47:K48"/>
    <mergeCell ref="M47:M48"/>
    <mergeCell ref="N46:N47"/>
    <mergeCell ref="I55:I56"/>
    <mergeCell ref="K55:K56"/>
    <mergeCell ref="M55:M56"/>
    <mergeCell ref="N54:N55"/>
    <mergeCell ref="B55:B56"/>
    <mergeCell ref="C55:C56"/>
    <mergeCell ref="D55:D56"/>
    <mergeCell ref="E55:E56"/>
    <mergeCell ref="F55:F56"/>
    <mergeCell ref="G55:G56"/>
    <mergeCell ref="H55:H56"/>
    <mergeCell ref="I53:I54"/>
    <mergeCell ref="K53:K54"/>
    <mergeCell ref="M53:M54"/>
    <mergeCell ref="N52:N53"/>
    <mergeCell ref="B53:B54"/>
    <mergeCell ref="C53:C54"/>
    <mergeCell ref="D53:D54"/>
    <mergeCell ref="E53:E54"/>
    <mergeCell ref="F53:F54"/>
    <mergeCell ref="G53:G54"/>
    <mergeCell ref="H53:H54"/>
    <mergeCell ref="I51:I52"/>
    <mergeCell ref="K51:K52"/>
    <mergeCell ref="M57:M58"/>
    <mergeCell ref="B57:B58"/>
    <mergeCell ref="C57:C58"/>
    <mergeCell ref="D57:D58"/>
    <mergeCell ref="E57:E58"/>
    <mergeCell ref="F57:F58"/>
    <mergeCell ref="G57:G58"/>
    <mergeCell ref="H57:H58"/>
    <mergeCell ref="I57:I58"/>
    <mergeCell ref="K57:K58"/>
    <mergeCell ref="H59:H60"/>
    <mergeCell ref="I59:I60"/>
    <mergeCell ref="K59:K60"/>
    <mergeCell ref="M59:M60"/>
    <mergeCell ref="B59:B60"/>
    <mergeCell ref="C59:C60"/>
    <mergeCell ref="D59:D60"/>
    <mergeCell ref="E59:E60"/>
    <mergeCell ref="F59:F60"/>
    <mergeCell ref="G59:G60"/>
    <mergeCell ref="I61:I62"/>
    <mergeCell ref="K61:K62"/>
    <mergeCell ref="M61:M62"/>
    <mergeCell ref="B61:B62"/>
    <mergeCell ref="C61:C62"/>
    <mergeCell ref="D61:D62"/>
    <mergeCell ref="E61:E62"/>
    <mergeCell ref="F61:F62"/>
    <mergeCell ref="G61:G62"/>
    <mergeCell ref="H61:H62"/>
  </mergeCells>
  <hyperlinks>
    <hyperlink ref="B6" r:id="rId1" display="https://can01.safelinks.protection.outlook.com/?url=https%3A%2F%2Fforms.office.com%2Fr%2FiNMNAAC0fA&amp;data=05%7C02%7Cearthscience%40smu.ca%7Cbaa3250a1b1c4cee0a8f08de3f04e04d%7C060b02ae57754360abbae2e29cca6627%7C1%7C0%7C639017487346033342%7CUnknown%7CTWFpbGZsb3d8eyJFbXB0eU1hcGkiOnRydWUsIlYiOiIwLjAuMDAwMCIsIlAiOiJXaW4zMiIsIkFOIjoiTWFpbCIsIldUIjoyfQ%3D%3D%7C0%7C%7C%7C&amp;sdata=27MleVKyCTmTHSSKPqxHk4QP9PfzLUnzsALIFJoxA9U%3D&amp;reserved=0" xr:uid="{ABB5816C-0F85-40D2-8970-6194D9EA4F36}"/>
  </hyperlinks>
  <pageMargins left="0.7" right="0.7" top="0.75" bottom="0.75" header="0.3" footer="0.3"/>
  <tableParts count="1">
    <tablePart r:id="rId2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C7EC1FD6AE885A41B7D04E8203B69728" ma:contentTypeVersion="3" ma:contentTypeDescription="Create a new document." ma:contentTypeScope="" ma:versionID="1013a542d897cef5aa33ce228e07c58f">
  <xsd:schema xmlns:xsd="http://www.w3.org/2001/XMLSchema" xmlns:xs="http://www.w3.org/2001/XMLSchema" xmlns:p="http://schemas.microsoft.com/office/2006/metadata/properties" xmlns:ns2="c18b2f48-74d6-4027-bf7c-f84c1e62c0b3" targetNamespace="http://schemas.microsoft.com/office/2006/metadata/properties" ma:root="true" ma:fieldsID="a849c043f40678acb66941c7b7af7e72" ns2:_="">
    <xsd:import namespace="c18b2f48-74d6-4027-bf7c-f84c1e62c0b3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18b2f48-74d6-4027-bf7c-f84c1e62c0b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38569FA6-ABA2-4A5D-97B3-0DADDB2770D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18b2f48-74d6-4027-bf7c-f84c1e62c0b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C7578614-D2F2-4485-8DAA-9A8C2D60DD6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90336FB-4A9F-48C8-9885-A6E8C073E5B7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pril Scheller</dc:creator>
  <cp:keywords/>
  <dc:description/>
  <cp:lastModifiedBy>Adriana Tudor</cp:lastModifiedBy>
  <cp:revision/>
  <dcterms:created xsi:type="dcterms:W3CDTF">2025-12-08T00:13:53Z</dcterms:created>
  <dcterms:modified xsi:type="dcterms:W3CDTF">2026-04-16T18:25:2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7EC1FD6AE885A41B7D04E8203B69728</vt:lpwstr>
  </property>
</Properties>
</file>